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9400\common\R7参議\025_不在者投票指定施設\06_HP掲載・施設及び選管案内\02_起案\"/>
    </mc:Choice>
  </mc:AlternateContent>
  <bookViews>
    <workbookView xWindow="0" yWindow="0" windowWidth="28800" windowHeight="12294"/>
  </bookViews>
  <sheets>
    <sheet name="投票用紙等交付請求書別紙　" sheetId="1" r:id="rId1"/>
  </sheets>
  <definedNames>
    <definedName name="_xlnm.Print_Area" localSheetId="0">'投票用紙等交付請求書別紙　'!$A$1:$M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" uniqueCount="23">
  <si>
    <r>
      <rPr>
        <b/>
        <sz val="28"/>
        <rFont val="ＭＳ 明朝"/>
        <family val="1"/>
        <charset val="128"/>
      </rPr>
      <t>投票用紙等交付請求書別紙</t>
    </r>
    <r>
      <rPr>
        <sz val="12"/>
        <rFont val="ＭＳ 明朝"/>
        <family val="1"/>
        <charset val="128"/>
      </rPr>
      <t>　</t>
    </r>
    <phoneticPr fontId="5"/>
  </si>
  <si>
    <t>（全　　枚中　　枚目）</t>
    <rPh sb="1" eb="2">
      <t>ゼン</t>
    </rPh>
    <rPh sb="4" eb="5">
      <t>マイ</t>
    </rPh>
    <rPh sb="5" eb="6">
      <t>チュウ</t>
    </rPh>
    <rPh sb="8" eb="10">
      <t>マイメ</t>
    </rPh>
    <phoneticPr fontId="5"/>
  </si>
  <si>
    <t>太枠内をすべて記入してください。</t>
    <rPh sb="0" eb="3">
      <t>フトワクナイ</t>
    </rPh>
    <rPh sb="7" eb="9">
      <t>キニュウ</t>
    </rPh>
    <phoneticPr fontId="2"/>
  </si>
  <si>
    <t>事務処理欄（※記入しないでください）</t>
    <rPh sb="0" eb="2">
      <t>ジム</t>
    </rPh>
    <rPh sb="2" eb="4">
      <t>ショリ</t>
    </rPh>
    <rPh sb="4" eb="5">
      <t>ラン</t>
    </rPh>
    <rPh sb="7" eb="9">
      <t>キニュウ</t>
    </rPh>
    <phoneticPr fontId="5"/>
  </si>
  <si>
    <t>施 設 名</t>
    <rPh sb="0" eb="1">
      <t>セ</t>
    </rPh>
    <rPh sb="2" eb="3">
      <t>セツ</t>
    </rPh>
    <rPh sb="4" eb="5">
      <t>メイ</t>
    </rPh>
    <phoneticPr fontId="5"/>
  </si>
  <si>
    <t>請求年月日</t>
    <rPh sb="0" eb="2">
      <t>セイキュウ</t>
    </rPh>
    <rPh sb="2" eb="5">
      <t>ネンガッピ</t>
    </rPh>
    <phoneticPr fontId="5"/>
  </si>
  <si>
    <t>直・郵</t>
    <rPh sb="0" eb="1">
      <t>ナオ</t>
    </rPh>
    <rPh sb="2" eb="3">
      <t>ユウ</t>
    </rPh>
    <phoneticPr fontId="5"/>
  </si>
  <si>
    <t>施設・滞在・在宅</t>
    <rPh sb="0" eb="2">
      <t>シセツ</t>
    </rPh>
    <rPh sb="3" eb="5">
      <t>タイザイ</t>
    </rPh>
    <rPh sb="6" eb="8">
      <t>ザイタク</t>
    </rPh>
    <phoneticPr fontId="5"/>
  </si>
  <si>
    <t>・ 　　　・</t>
    <phoneticPr fontId="5"/>
  </si>
  <si>
    <t>交付年月日</t>
    <rPh sb="0" eb="2">
      <t>コウフ</t>
    </rPh>
    <rPh sb="2" eb="5">
      <t>ネンガッピ</t>
    </rPh>
    <phoneticPr fontId="5"/>
  </si>
  <si>
    <t>受理年月日
（返還）</t>
    <rPh sb="0" eb="2">
      <t>ジュリ</t>
    </rPh>
    <rPh sb="2" eb="5">
      <t>ネンガッピ</t>
    </rPh>
    <rPh sb="7" eb="9">
      <t>ヘンカン</t>
    </rPh>
    <phoneticPr fontId="5"/>
  </si>
  <si>
    <t>No</t>
    <phoneticPr fontId="5"/>
  </si>
  <si>
    <t>施　設　記　入　欄</t>
    <rPh sb="0" eb="1">
      <t>セ</t>
    </rPh>
    <rPh sb="2" eb="3">
      <t>セツ</t>
    </rPh>
    <rPh sb="4" eb="5">
      <t>キ</t>
    </rPh>
    <rPh sb="6" eb="7">
      <t>イ</t>
    </rPh>
    <rPh sb="8" eb="9">
      <t>ラン</t>
    </rPh>
    <phoneticPr fontId="5"/>
  </si>
  <si>
    <t>選挙人名簿に記載されている住所</t>
    <rPh sb="0" eb="3">
      <t>センキョニン</t>
    </rPh>
    <rPh sb="3" eb="5">
      <t>メイボ</t>
    </rPh>
    <rPh sb="6" eb="8">
      <t>キサイ</t>
    </rPh>
    <rPh sb="13" eb="15">
      <t>ジュウショ</t>
    </rPh>
    <phoneticPr fontId="5"/>
  </si>
  <si>
    <t>（フリガナ）
選挙人氏名</t>
    <rPh sb="7" eb="10">
      <t>センキョニン</t>
    </rPh>
    <rPh sb="10" eb="12">
      <t>シメイ</t>
    </rPh>
    <phoneticPr fontId="5"/>
  </si>
  <si>
    <t>生年月日</t>
    <rPh sb="0" eb="2">
      <t>セイネン</t>
    </rPh>
    <rPh sb="2" eb="4">
      <t>ガッピ</t>
    </rPh>
    <phoneticPr fontId="5"/>
  </si>
  <si>
    <t>投票区</t>
    <rPh sb="0" eb="2">
      <t>トウヒョウ</t>
    </rPh>
    <rPh sb="2" eb="3">
      <t>ク</t>
    </rPh>
    <phoneticPr fontId="5"/>
  </si>
  <si>
    <t>名簿
番号</t>
    <rPh sb="0" eb="2">
      <t>メイボ</t>
    </rPh>
    <rPh sb="3" eb="5">
      <t>バンゴウ</t>
    </rPh>
    <phoneticPr fontId="5"/>
  </si>
  <si>
    <t>整理
番号</t>
    <rPh sb="0" eb="2">
      <t>セイリ</t>
    </rPh>
    <rPh sb="3" eb="5">
      <t>バンゴウ</t>
    </rPh>
    <phoneticPr fontId="5"/>
  </si>
  <si>
    <t>備　考</t>
    <rPh sb="0" eb="1">
      <t>ビ</t>
    </rPh>
    <rPh sb="2" eb="3">
      <t>コウ</t>
    </rPh>
    <phoneticPr fontId="5"/>
  </si>
  <si>
    <t>※請求先（市区町村）毎に作成し、「投票用紙等交付請求書」と一緒に各市区町村選管へ提出</t>
    <rPh sb="22" eb="24">
      <t>コウフ</t>
    </rPh>
    <phoneticPr fontId="2"/>
  </si>
  <si>
    <t>点字
希望</t>
    <rPh sb="0" eb="2">
      <t>テンジ</t>
    </rPh>
    <rPh sb="3" eb="5">
      <t>キボウ</t>
    </rPh>
    <phoneticPr fontId="2"/>
  </si>
  <si>
    <t>□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3">
    <font>
      <sz val="11"/>
      <color theme="1"/>
      <name val="游ゴシック"/>
      <family val="3"/>
      <charset val="128"/>
      <scheme val="minor"/>
    </font>
    <font>
      <sz val="8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12"/>
      <name val="ＭＳ 明朝"/>
      <family val="1"/>
      <charset val="128"/>
    </font>
    <font>
      <b/>
      <sz val="28"/>
      <name val="ＭＳ 明朝"/>
      <family val="1"/>
      <charset val="128"/>
    </font>
    <font>
      <sz val="6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b/>
      <sz val="22"/>
      <color theme="1"/>
      <name val="ＭＳ ゴシック"/>
      <family val="3"/>
      <charset val="128"/>
    </font>
    <font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0"/>
      <color theme="1"/>
      <name val="ＭＳ ゴシック"/>
      <family val="3"/>
      <charset val="128"/>
    </font>
    <font>
      <sz val="16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1"/>
      <color rgb="FF000000"/>
      <name val="ＭＳ 明朝"/>
      <family val="1"/>
      <charset val="128"/>
    </font>
    <font>
      <sz val="20"/>
      <color theme="1"/>
      <name val="ＤＦ行書体"/>
      <family val="4"/>
      <charset val="128"/>
    </font>
    <font>
      <sz val="18"/>
      <color theme="1"/>
      <name val="ＤＦ行書体"/>
      <family val="4"/>
      <charset val="128"/>
    </font>
    <font>
      <sz val="12"/>
      <color theme="1"/>
      <name val="ＤＦ行書体"/>
      <family val="4"/>
      <charset val="128"/>
    </font>
    <font>
      <sz val="16"/>
      <color theme="1"/>
      <name val="ＤＦ行書体"/>
      <family val="4"/>
      <charset val="128"/>
    </font>
    <font>
      <sz val="12"/>
      <color theme="1"/>
      <name val="游ゴシック"/>
      <family val="3"/>
      <charset val="128"/>
      <scheme val="minor"/>
    </font>
    <font>
      <sz val="14"/>
      <color theme="1"/>
      <name val="ＭＳ ゴシック"/>
      <family val="3"/>
      <charset val="128"/>
    </font>
    <font>
      <sz val="22"/>
      <color theme="1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b/>
      <sz val="18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29">
    <border>
      <left/>
      <right/>
      <top/>
      <bottom/>
      <diagonal/>
    </border>
    <border>
      <left/>
      <right/>
      <top/>
      <bottom style="thick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 style="thick">
        <color indexed="64"/>
      </left>
      <right/>
      <top/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/>
      <right/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ck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1">
    <xf numFmtId="0" fontId="0" fillId="0" borderId="0">
      <alignment vertical="center"/>
    </xf>
  </cellStyleXfs>
  <cellXfs count="82">
    <xf numFmtId="0" fontId="0" fillId="0" borderId="0" xfId="0">
      <alignment vertical="center"/>
    </xf>
    <xf numFmtId="0" fontId="1" fillId="0" borderId="0" xfId="0" applyFont="1">
      <alignment vertical="center"/>
    </xf>
    <xf numFmtId="0" fontId="3" fillId="0" borderId="0" xfId="0" applyFont="1" applyAlignment="1">
      <alignment vertical="center"/>
    </xf>
    <xf numFmtId="0" fontId="6" fillId="0" borderId="0" xfId="0" applyFont="1">
      <alignment vertical="center"/>
    </xf>
    <xf numFmtId="0" fontId="7" fillId="0" borderId="0" xfId="0" applyFont="1" applyBorder="1" applyAlignment="1">
      <alignment vertical="center"/>
    </xf>
    <xf numFmtId="0" fontId="8" fillId="0" borderId="0" xfId="0" applyFont="1">
      <alignment vertical="center"/>
    </xf>
    <xf numFmtId="0" fontId="9" fillId="0" borderId="0" xfId="0" applyFont="1" applyAlignment="1">
      <alignment vertical="center"/>
    </xf>
    <xf numFmtId="0" fontId="6" fillId="0" borderId="0" xfId="0" applyFont="1" applyBorder="1">
      <alignment vertical="center"/>
    </xf>
    <xf numFmtId="0" fontId="10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11" fillId="0" borderId="0" xfId="0" applyFont="1" applyAlignment="1"/>
    <xf numFmtId="0" fontId="12" fillId="0" borderId="0" xfId="0" applyFont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12" fillId="0" borderId="0" xfId="0" applyFont="1" applyFill="1" applyBorder="1" applyAlignment="1">
      <alignment vertical="center"/>
    </xf>
    <xf numFmtId="0" fontId="6" fillId="0" borderId="2" xfId="0" applyFont="1" applyBorder="1">
      <alignment vertical="center"/>
    </xf>
    <xf numFmtId="0" fontId="6" fillId="0" borderId="3" xfId="0" applyFont="1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6" fillId="0" borderId="11" xfId="0" applyFont="1" applyBorder="1">
      <alignment vertical="center"/>
    </xf>
    <xf numFmtId="0" fontId="6" fillId="0" borderId="14" xfId="0" applyFont="1" applyBorder="1" applyAlignment="1">
      <alignment horizontal="centerContinuous" vertical="center"/>
    </xf>
    <xf numFmtId="0" fontId="6" fillId="0" borderId="15" xfId="0" applyFont="1" applyBorder="1" applyAlignment="1">
      <alignment horizontal="centerContinuous" vertical="center"/>
    </xf>
    <xf numFmtId="0" fontId="6" fillId="0" borderId="23" xfId="0" applyFont="1" applyBorder="1">
      <alignment vertical="center"/>
    </xf>
    <xf numFmtId="0" fontId="19" fillId="0" borderId="0" xfId="0" applyFont="1" applyAlignment="1">
      <alignment horizontal="right" vertical="center"/>
    </xf>
    <xf numFmtId="0" fontId="6" fillId="0" borderId="0" xfId="0" applyFont="1" applyBorder="1" applyAlignment="1">
      <alignment vertical="center"/>
    </xf>
    <xf numFmtId="0" fontId="21" fillId="0" borderId="3" xfId="0" applyFont="1" applyBorder="1" applyAlignment="1">
      <alignment horizontal="center" vertical="center"/>
    </xf>
    <xf numFmtId="0" fontId="6" fillId="0" borderId="26" xfId="0" applyFont="1" applyBorder="1" applyAlignment="1">
      <alignment horizontal="centerContinuous" vertical="center"/>
    </xf>
    <xf numFmtId="0" fontId="9" fillId="0" borderId="24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22" fillId="0" borderId="0" xfId="0" applyFont="1" applyAlignment="1"/>
    <xf numFmtId="0" fontId="12" fillId="0" borderId="0" xfId="0" applyFont="1">
      <alignment vertical="center"/>
    </xf>
    <xf numFmtId="0" fontId="12" fillId="0" borderId="0" xfId="0" applyFont="1" applyBorder="1">
      <alignment vertical="center"/>
    </xf>
    <xf numFmtId="58" fontId="20" fillId="2" borderId="27" xfId="0" applyNumberFormat="1" applyFont="1" applyFill="1" applyBorder="1" applyAlignment="1">
      <alignment horizontal="center" vertical="center" shrinkToFit="1"/>
    </xf>
    <xf numFmtId="58" fontId="20" fillId="2" borderId="28" xfId="0" applyNumberFormat="1" applyFont="1" applyFill="1" applyBorder="1" applyAlignment="1">
      <alignment horizontal="center" vertical="center" shrinkToFit="1"/>
    </xf>
    <xf numFmtId="0" fontId="9" fillId="0" borderId="4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14" fillId="2" borderId="4" xfId="0" applyFont="1" applyFill="1" applyBorder="1" applyAlignment="1">
      <alignment horizontal="center" vertical="center" shrinkToFit="1"/>
    </xf>
    <xf numFmtId="0" fontId="14" fillId="2" borderId="6" xfId="0" applyFont="1" applyFill="1" applyBorder="1" applyAlignment="1">
      <alignment horizontal="center" vertical="center" shrinkToFit="1"/>
    </xf>
    <xf numFmtId="0" fontId="14" fillId="2" borderId="5" xfId="0" applyFont="1" applyFill="1" applyBorder="1" applyAlignment="1">
      <alignment horizontal="center" vertical="center" shrinkToFit="1"/>
    </xf>
    <xf numFmtId="0" fontId="14" fillId="2" borderId="7" xfId="0" applyFont="1" applyFill="1" applyBorder="1" applyAlignment="1">
      <alignment horizontal="center" vertical="center" shrinkToFit="1"/>
    </xf>
    <xf numFmtId="0" fontId="14" fillId="2" borderId="0" xfId="0" applyFont="1" applyFill="1" applyBorder="1" applyAlignment="1">
      <alignment horizontal="center" vertical="center" shrinkToFit="1"/>
    </xf>
    <xf numFmtId="0" fontId="14" fillId="2" borderId="8" xfId="0" applyFont="1" applyFill="1" applyBorder="1" applyAlignment="1">
      <alignment horizontal="center" vertical="center" shrinkToFit="1"/>
    </xf>
    <xf numFmtId="0" fontId="14" fillId="2" borderId="9" xfId="0" applyFont="1" applyFill="1" applyBorder="1" applyAlignment="1">
      <alignment horizontal="center" vertical="center" shrinkToFit="1"/>
    </xf>
    <xf numFmtId="0" fontId="14" fillId="2" borderId="1" xfId="0" applyFont="1" applyFill="1" applyBorder="1" applyAlignment="1">
      <alignment horizontal="center" vertical="center" shrinkToFit="1"/>
    </xf>
    <xf numFmtId="0" fontId="14" fillId="2" borderId="10" xfId="0" applyFont="1" applyFill="1" applyBorder="1" applyAlignment="1">
      <alignment horizontal="center" vertical="center" shrinkToFit="1"/>
    </xf>
    <xf numFmtId="0" fontId="13" fillId="0" borderId="3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8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 wrapText="1"/>
    </xf>
    <xf numFmtId="0" fontId="9" fillId="0" borderId="16" xfId="0" applyFont="1" applyBorder="1" applyAlignment="1">
      <alignment horizontal="center" vertical="center"/>
    </xf>
    <xf numFmtId="0" fontId="9" fillId="0" borderId="14" xfId="0" applyFont="1" applyBorder="1" applyAlignment="1">
      <alignment horizontal="center" vertical="center"/>
    </xf>
    <xf numFmtId="0" fontId="9" fillId="0" borderId="15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0" fontId="6" fillId="0" borderId="23" xfId="0" applyFont="1" applyBorder="1" applyAlignment="1">
      <alignment horizontal="center" vertical="center"/>
    </xf>
    <xf numFmtId="0" fontId="6" fillId="0" borderId="18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0" fontId="12" fillId="0" borderId="12" xfId="0" applyFont="1" applyBorder="1" applyAlignment="1">
      <alignment horizontal="center" vertical="center"/>
    </xf>
    <xf numFmtId="0" fontId="9" fillId="0" borderId="13" xfId="0" applyFont="1" applyBorder="1" applyAlignment="1">
      <alignment horizontal="center" vertical="center"/>
    </xf>
    <xf numFmtId="0" fontId="18" fillId="0" borderId="12" xfId="0" applyFont="1" applyBorder="1" applyAlignment="1">
      <alignment horizontal="center" vertical="center"/>
    </xf>
    <xf numFmtId="0" fontId="9" fillId="0" borderId="12" xfId="0" applyFont="1" applyBorder="1" applyAlignment="1">
      <alignment horizontal="center" vertical="center" wrapText="1"/>
    </xf>
    <xf numFmtId="0" fontId="8" fillId="0" borderId="12" xfId="0" applyFont="1" applyBorder="1" applyAlignment="1">
      <alignment horizontal="center" vertical="center"/>
    </xf>
    <xf numFmtId="0" fontId="15" fillId="2" borderId="13" xfId="0" applyFont="1" applyFill="1" applyBorder="1" applyAlignment="1">
      <alignment horizontal="center" vertical="center"/>
    </xf>
    <xf numFmtId="0" fontId="15" fillId="2" borderId="12" xfId="0" applyFont="1" applyFill="1" applyBorder="1" applyAlignment="1">
      <alignment horizontal="center" vertical="center"/>
    </xf>
    <xf numFmtId="0" fontId="16" fillId="2" borderId="12" xfId="0" applyFont="1" applyFill="1" applyBorder="1" applyAlignment="1">
      <alignment horizontal="center" vertical="center"/>
    </xf>
    <xf numFmtId="0" fontId="16" fillId="0" borderId="12" xfId="0" applyFont="1" applyBorder="1" applyAlignment="1">
      <alignment horizontal="center" vertical="center"/>
    </xf>
    <xf numFmtId="58" fontId="17" fillId="2" borderId="12" xfId="0" applyNumberFormat="1" applyFont="1" applyFill="1" applyBorder="1" applyAlignment="1">
      <alignment horizontal="center" vertical="center" wrapText="1"/>
    </xf>
    <xf numFmtId="58" fontId="17" fillId="2" borderId="12" xfId="0" applyNumberFormat="1" applyFont="1" applyFill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15" fillId="2" borderId="12" xfId="0" applyFont="1" applyFill="1" applyBorder="1" applyAlignment="1">
      <alignment horizontal="center" vertical="center" wrapText="1"/>
    </xf>
    <xf numFmtId="0" fontId="9" fillId="2" borderId="13" xfId="0" applyFont="1" applyFill="1" applyBorder="1" applyAlignment="1">
      <alignment vertical="center"/>
    </xf>
    <xf numFmtId="0" fontId="18" fillId="0" borderId="12" xfId="0" applyFont="1" applyBorder="1" applyAlignment="1">
      <alignment vertical="center"/>
    </xf>
    <xf numFmtId="0" fontId="9" fillId="2" borderId="12" xfId="0" applyFont="1" applyFill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33"/>
  <sheetViews>
    <sheetView tabSelected="1" view="pageBreakPreview" zoomScale="40" zoomScaleNormal="100" zoomScaleSheetLayoutView="40" workbookViewId="0">
      <selection activeCell="G11" sqref="G11:G12"/>
    </sheetView>
  </sheetViews>
  <sheetFormatPr defaultColWidth="9" defaultRowHeight="12.9"/>
  <cols>
    <col min="1" max="1" width="4.77734375" style="1" customWidth="1"/>
    <col min="2" max="2" width="16.44140625" style="3" customWidth="1"/>
    <col min="3" max="3" width="36.109375" style="3" customWidth="1"/>
    <col min="4" max="4" width="9.77734375" style="3" customWidth="1"/>
    <col min="5" max="5" width="17.77734375" style="3" customWidth="1"/>
    <col min="6" max="6" width="22" style="3" customWidth="1"/>
    <col min="7" max="7" width="9.109375" style="3" customWidth="1"/>
    <col min="8" max="10" width="7.6640625" style="3" customWidth="1"/>
    <col min="11" max="11" width="6.44140625" style="3" customWidth="1"/>
    <col min="12" max="12" width="14.77734375" style="3" customWidth="1"/>
    <col min="13" max="13" width="17.44140625" style="3" customWidth="1"/>
    <col min="14" max="15" width="11.6640625" style="3" bestFit="1" customWidth="1"/>
    <col min="16" max="16" width="11.6640625" style="3" customWidth="1"/>
    <col min="17" max="17" width="13.21875" style="3" customWidth="1"/>
    <col min="18" max="18" width="16.21875" style="3" customWidth="1"/>
    <col min="19" max="19" width="2.109375" style="3" customWidth="1"/>
    <col min="20" max="20" width="16.21875" style="3" customWidth="1"/>
    <col min="21" max="16384" width="9" style="3"/>
  </cols>
  <sheetData>
    <row r="1" spans="1:18" ht="39.75" customHeight="1">
      <c r="B1" s="2" t="s">
        <v>0</v>
      </c>
      <c r="M1" s="4"/>
      <c r="N1" s="4"/>
      <c r="O1" s="4"/>
      <c r="P1" s="4"/>
      <c r="Q1" s="4"/>
      <c r="R1" s="4"/>
    </row>
    <row r="2" spans="1:18" ht="32.299999999999997" customHeight="1">
      <c r="B2" s="5" t="s">
        <v>20</v>
      </c>
      <c r="C2" s="6"/>
      <c r="H2" s="7"/>
      <c r="M2" s="8"/>
      <c r="N2" s="9"/>
      <c r="O2" s="9"/>
      <c r="P2" s="9"/>
      <c r="Q2" s="9"/>
      <c r="R2" s="9"/>
    </row>
    <row r="3" spans="1:18" ht="26.35" customHeight="1">
      <c r="B3" s="10" t="s">
        <v>1</v>
      </c>
      <c r="C3" s="11"/>
      <c r="D3" s="30" t="s">
        <v>2</v>
      </c>
      <c r="E3" s="31"/>
      <c r="F3" s="32"/>
      <c r="G3" s="7"/>
      <c r="H3" s="7"/>
      <c r="M3" s="9"/>
      <c r="N3" s="9"/>
      <c r="O3" s="9"/>
      <c r="P3" s="9"/>
      <c r="Q3" s="9"/>
      <c r="R3" s="9"/>
    </row>
    <row r="4" spans="1:18" ht="18" customHeight="1" thickBot="1">
      <c r="B4" s="12"/>
      <c r="C4" s="13"/>
      <c r="D4" s="7"/>
      <c r="F4" s="7"/>
      <c r="G4" s="7"/>
      <c r="H4" s="14"/>
      <c r="I4" s="46" t="s">
        <v>3</v>
      </c>
      <c r="J4" s="47"/>
      <c r="K4" s="47"/>
      <c r="L4" s="47"/>
      <c r="M4" s="47"/>
      <c r="N4" s="9"/>
      <c r="O4" s="9"/>
      <c r="P4" s="9"/>
      <c r="Q4" s="9"/>
      <c r="R4" s="9"/>
    </row>
    <row r="5" spans="1:18" ht="45" customHeight="1" thickTop="1">
      <c r="A5" s="48" t="s">
        <v>4</v>
      </c>
      <c r="B5" s="49"/>
      <c r="C5" s="37"/>
      <c r="D5" s="38"/>
      <c r="E5" s="38"/>
      <c r="F5" s="38"/>
      <c r="G5" s="39"/>
      <c r="I5" s="54" t="s">
        <v>5</v>
      </c>
      <c r="J5" s="54"/>
      <c r="K5" s="15" t="s">
        <v>6</v>
      </c>
      <c r="L5" s="23" t="s">
        <v>7</v>
      </c>
      <c r="M5" s="15" t="s">
        <v>8</v>
      </c>
    </row>
    <row r="6" spans="1:18" ht="45" customHeight="1">
      <c r="A6" s="50"/>
      <c r="B6" s="51"/>
      <c r="C6" s="40"/>
      <c r="D6" s="41"/>
      <c r="E6" s="41"/>
      <c r="F6" s="41"/>
      <c r="G6" s="42"/>
      <c r="H6" s="14"/>
      <c r="I6" s="54" t="s">
        <v>9</v>
      </c>
      <c r="J6" s="54"/>
      <c r="K6" s="15" t="s">
        <v>6</v>
      </c>
      <c r="L6" s="23" t="s">
        <v>7</v>
      </c>
      <c r="M6" s="15" t="s">
        <v>8</v>
      </c>
    </row>
    <row r="7" spans="1:18" ht="44.35" customHeight="1" thickBot="1">
      <c r="A7" s="52"/>
      <c r="B7" s="53"/>
      <c r="C7" s="43"/>
      <c r="D7" s="44"/>
      <c r="E7" s="44"/>
      <c r="F7" s="44"/>
      <c r="G7" s="45"/>
      <c r="I7" s="55" t="s">
        <v>10</v>
      </c>
      <c r="J7" s="55"/>
      <c r="K7" s="15" t="s">
        <v>6</v>
      </c>
      <c r="L7" s="23" t="s">
        <v>7</v>
      </c>
      <c r="M7" s="15" t="s">
        <v>8</v>
      </c>
      <c r="N7" s="16"/>
      <c r="O7" s="16"/>
      <c r="P7" s="16"/>
      <c r="Q7" s="16"/>
      <c r="R7" s="16"/>
    </row>
    <row r="8" spans="1:18" ht="30.75" customHeight="1" thickTop="1" thickBot="1">
      <c r="B8" s="22"/>
      <c r="C8" s="22"/>
      <c r="D8" s="22"/>
      <c r="E8" s="22"/>
      <c r="F8" s="7"/>
      <c r="H8" s="17"/>
    </row>
    <row r="9" spans="1:18" ht="23.3" customHeight="1" thickTop="1" thickBot="1">
      <c r="A9" s="65" t="s">
        <v>11</v>
      </c>
      <c r="B9" s="35" t="s">
        <v>12</v>
      </c>
      <c r="C9" s="36"/>
      <c r="D9" s="36"/>
      <c r="E9" s="36"/>
      <c r="F9" s="36"/>
      <c r="G9" s="36"/>
      <c r="H9" s="24" t="s">
        <v>3</v>
      </c>
      <c r="I9" s="18"/>
      <c r="J9" s="18"/>
      <c r="K9" s="18"/>
      <c r="L9" s="18"/>
      <c r="M9" s="19"/>
    </row>
    <row r="10" spans="1:18" ht="36.700000000000003" customHeight="1" thickTop="1" thickBot="1">
      <c r="A10" s="65"/>
      <c r="B10" s="66" t="s">
        <v>13</v>
      </c>
      <c r="C10" s="67"/>
      <c r="D10" s="68" t="s">
        <v>14</v>
      </c>
      <c r="E10" s="68"/>
      <c r="F10" s="25" t="s">
        <v>15</v>
      </c>
      <c r="G10" s="26" t="s">
        <v>21</v>
      </c>
      <c r="H10" s="27" t="s">
        <v>16</v>
      </c>
      <c r="I10" s="28" t="s">
        <v>17</v>
      </c>
      <c r="J10" s="29" t="s">
        <v>18</v>
      </c>
      <c r="K10" s="56" t="s">
        <v>19</v>
      </c>
      <c r="L10" s="57"/>
      <c r="M10" s="58"/>
    </row>
    <row r="11" spans="1:18" ht="29.25" customHeight="1" thickTop="1" thickBot="1">
      <c r="A11" s="69">
        <v>1</v>
      </c>
      <c r="B11" s="70"/>
      <c r="C11" s="71"/>
      <c r="D11" s="72"/>
      <c r="E11" s="73"/>
      <c r="F11" s="74"/>
      <c r="G11" s="33" t="s">
        <v>22</v>
      </c>
      <c r="H11" s="76"/>
      <c r="I11" s="47"/>
      <c r="J11" s="47"/>
      <c r="K11" s="59"/>
      <c r="L11" s="60"/>
      <c r="M11" s="61"/>
    </row>
    <row r="12" spans="1:18" ht="75.099999999999994" customHeight="1" thickTop="1" thickBot="1">
      <c r="A12" s="69"/>
      <c r="B12" s="70"/>
      <c r="C12" s="71"/>
      <c r="D12" s="78"/>
      <c r="E12" s="71"/>
      <c r="F12" s="75"/>
      <c r="G12" s="34"/>
      <c r="H12" s="77"/>
      <c r="I12" s="47"/>
      <c r="J12" s="47"/>
      <c r="K12" s="62"/>
      <c r="L12" s="63"/>
      <c r="M12" s="64"/>
    </row>
    <row r="13" spans="1:18" ht="29.25" customHeight="1" thickTop="1" thickBot="1">
      <c r="A13" s="69">
        <v>2</v>
      </c>
      <c r="B13" s="79"/>
      <c r="C13" s="80"/>
      <c r="D13" s="81"/>
      <c r="E13" s="80"/>
      <c r="F13" s="74"/>
      <c r="G13" s="33" t="s">
        <v>22</v>
      </c>
      <c r="H13" s="76"/>
      <c r="I13" s="47"/>
      <c r="J13" s="47"/>
      <c r="K13" s="59"/>
      <c r="L13" s="60"/>
      <c r="M13" s="61"/>
    </row>
    <row r="14" spans="1:18" ht="75.099999999999994" customHeight="1" thickTop="1" thickBot="1">
      <c r="A14" s="69"/>
      <c r="B14" s="79"/>
      <c r="C14" s="80"/>
      <c r="D14" s="81"/>
      <c r="E14" s="81"/>
      <c r="F14" s="75"/>
      <c r="G14" s="34"/>
      <c r="H14" s="77"/>
      <c r="I14" s="47"/>
      <c r="J14" s="47"/>
      <c r="K14" s="62"/>
      <c r="L14" s="63"/>
      <c r="M14" s="64"/>
    </row>
    <row r="15" spans="1:18" ht="30.1" customHeight="1" thickTop="1" thickBot="1">
      <c r="A15" s="69">
        <v>3</v>
      </c>
      <c r="B15" s="79"/>
      <c r="C15" s="80"/>
      <c r="D15" s="81"/>
      <c r="E15" s="80"/>
      <c r="F15" s="74"/>
      <c r="G15" s="33" t="s">
        <v>22</v>
      </c>
      <c r="H15" s="76"/>
      <c r="I15" s="47"/>
      <c r="J15" s="47"/>
      <c r="K15" s="59"/>
      <c r="L15" s="60"/>
      <c r="M15" s="61"/>
    </row>
    <row r="16" spans="1:18" ht="75.099999999999994" customHeight="1" thickTop="1" thickBot="1">
      <c r="A16" s="69"/>
      <c r="B16" s="79"/>
      <c r="C16" s="80"/>
      <c r="D16" s="81"/>
      <c r="E16" s="81"/>
      <c r="F16" s="75"/>
      <c r="G16" s="34"/>
      <c r="H16" s="77"/>
      <c r="I16" s="47"/>
      <c r="J16" s="47"/>
      <c r="K16" s="62"/>
      <c r="L16" s="63"/>
      <c r="M16" s="64"/>
    </row>
    <row r="17" spans="1:13" ht="30.1" customHeight="1" thickTop="1" thickBot="1">
      <c r="A17" s="69">
        <v>4</v>
      </c>
      <c r="B17" s="79"/>
      <c r="C17" s="80"/>
      <c r="D17" s="81"/>
      <c r="E17" s="80"/>
      <c r="F17" s="74"/>
      <c r="G17" s="33" t="s">
        <v>22</v>
      </c>
      <c r="H17" s="76"/>
      <c r="I17" s="47"/>
      <c r="J17" s="47"/>
      <c r="K17" s="59"/>
      <c r="L17" s="60"/>
      <c r="M17" s="61"/>
    </row>
    <row r="18" spans="1:13" ht="75.099999999999994" customHeight="1" thickTop="1" thickBot="1">
      <c r="A18" s="69"/>
      <c r="B18" s="79"/>
      <c r="C18" s="80"/>
      <c r="D18" s="81"/>
      <c r="E18" s="81"/>
      <c r="F18" s="75"/>
      <c r="G18" s="34"/>
      <c r="H18" s="77"/>
      <c r="I18" s="47"/>
      <c r="J18" s="47"/>
      <c r="K18" s="62"/>
      <c r="L18" s="63"/>
      <c r="M18" s="64"/>
    </row>
    <row r="19" spans="1:13" ht="29.25" customHeight="1" thickTop="1" thickBot="1">
      <c r="A19" s="69">
        <v>5</v>
      </c>
      <c r="B19" s="79"/>
      <c r="C19" s="80"/>
      <c r="D19" s="81"/>
      <c r="E19" s="80"/>
      <c r="F19" s="74"/>
      <c r="G19" s="33" t="s">
        <v>22</v>
      </c>
      <c r="H19" s="76"/>
      <c r="I19" s="47"/>
      <c r="J19" s="47"/>
      <c r="K19" s="59"/>
      <c r="L19" s="60"/>
      <c r="M19" s="61"/>
    </row>
    <row r="20" spans="1:13" ht="75.099999999999994" customHeight="1" thickTop="1" thickBot="1">
      <c r="A20" s="69"/>
      <c r="B20" s="79"/>
      <c r="C20" s="80"/>
      <c r="D20" s="81"/>
      <c r="E20" s="81"/>
      <c r="F20" s="75"/>
      <c r="G20" s="34"/>
      <c r="H20" s="77"/>
      <c r="I20" s="47"/>
      <c r="J20" s="47"/>
      <c r="K20" s="62"/>
      <c r="L20" s="63"/>
      <c r="M20" s="64"/>
    </row>
    <row r="21" spans="1:13" ht="29.25" customHeight="1" thickTop="1" thickBot="1">
      <c r="A21" s="69">
        <v>6</v>
      </c>
      <c r="B21" s="79"/>
      <c r="C21" s="80"/>
      <c r="D21" s="81"/>
      <c r="E21" s="80"/>
      <c r="F21" s="74"/>
      <c r="G21" s="33" t="s">
        <v>22</v>
      </c>
      <c r="H21" s="76"/>
      <c r="I21" s="47"/>
      <c r="J21" s="47"/>
      <c r="K21" s="59"/>
      <c r="L21" s="60"/>
      <c r="M21" s="61"/>
    </row>
    <row r="22" spans="1:13" ht="75.099999999999994" customHeight="1" thickTop="1" thickBot="1">
      <c r="A22" s="69"/>
      <c r="B22" s="79"/>
      <c r="C22" s="80"/>
      <c r="D22" s="81"/>
      <c r="E22" s="81"/>
      <c r="F22" s="75"/>
      <c r="G22" s="34"/>
      <c r="H22" s="77"/>
      <c r="I22" s="47"/>
      <c r="J22" s="47"/>
      <c r="K22" s="62"/>
      <c r="L22" s="63"/>
      <c r="M22" s="64"/>
    </row>
    <row r="23" spans="1:13" ht="29.25" customHeight="1" thickTop="1" thickBot="1">
      <c r="A23" s="69">
        <v>7</v>
      </c>
      <c r="B23" s="79"/>
      <c r="C23" s="80"/>
      <c r="D23" s="81"/>
      <c r="E23" s="80"/>
      <c r="F23" s="74"/>
      <c r="G23" s="33" t="s">
        <v>22</v>
      </c>
      <c r="H23" s="76"/>
      <c r="I23" s="47"/>
      <c r="J23" s="47"/>
      <c r="K23" s="59"/>
      <c r="L23" s="60"/>
      <c r="M23" s="61"/>
    </row>
    <row r="24" spans="1:13" ht="75.099999999999994" customHeight="1" thickTop="1" thickBot="1">
      <c r="A24" s="69"/>
      <c r="B24" s="79"/>
      <c r="C24" s="80"/>
      <c r="D24" s="81"/>
      <c r="E24" s="81"/>
      <c r="F24" s="75"/>
      <c r="G24" s="34"/>
      <c r="H24" s="77"/>
      <c r="I24" s="47"/>
      <c r="J24" s="47"/>
      <c r="K24" s="62"/>
      <c r="L24" s="63"/>
      <c r="M24" s="64"/>
    </row>
    <row r="25" spans="1:13" ht="29.25" customHeight="1" thickTop="1" thickBot="1">
      <c r="A25" s="69">
        <v>8</v>
      </c>
      <c r="B25" s="79"/>
      <c r="C25" s="80"/>
      <c r="D25" s="81"/>
      <c r="E25" s="80"/>
      <c r="F25" s="74"/>
      <c r="G25" s="33" t="s">
        <v>22</v>
      </c>
      <c r="H25" s="76"/>
      <c r="I25" s="47"/>
      <c r="J25" s="47"/>
      <c r="K25" s="59"/>
      <c r="L25" s="60"/>
      <c r="M25" s="61"/>
    </row>
    <row r="26" spans="1:13" ht="75.099999999999994" customHeight="1" thickTop="1" thickBot="1">
      <c r="A26" s="69"/>
      <c r="B26" s="79"/>
      <c r="C26" s="80"/>
      <c r="D26" s="81"/>
      <c r="E26" s="81"/>
      <c r="F26" s="75"/>
      <c r="G26" s="34"/>
      <c r="H26" s="77"/>
      <c r="I26" s="47"/>
      <c r="J26" s="47"/>
      <c r="K26" s="62"/>
      <c r="L26" s="63"/>
      <c r="M26" s="64"/>
    </row>
    <row r="27" spans="1:13" ht="30.1" customHeight="1" thickTop="1" thickBot="1">
      <c r="A27" s="69">
        <v>9</v>
      </c>
      <c r="B27" s="79"/>
      <c r="C27" s="80"/>
      <c r="D27" s="81"/>
      <c r="E27" s="80"/>
      <c r="F27" s="74"/>
      <c r="G27" s="33" t="s">
        <v>22</v>
      </c>
      <c r="H27" s="76"/>
      <c r="I27" s="47"/>
      <c r="J27" s="47"/>
      <c r="K27" s="59"/>
      <c r="L27" s="60"/>
      <c r="M27" s="61"/>
    </row>
    <row r="28" spans="1:13" ht="75.099999999999994" customHeight="1" thickTop="1" thickBot="1">
      <c r="A28" s="69"/>
      <c r="B28" s="79"/>
      <c r="C28" s="80"/>
      <c r="D28" s="81"/>
      <c r="E28" s="81"/>
      <c r="F28" s="75"/>
      <c r="G28" s="34"/>
      <c r="H28" s="77"/>
      <c r="I28" s="47"/>
      <c r="J28" s="47"/>
      <c r="K28" s="62"/>
      <c r="L28" s="63"/>
      <c r="M28" s="64"/>
    </row>
    <row r="29" spans="1:13" ht="29.25" customHeight="1" thickTop="1" thickBot="1">
      <c r="A29" s="69">
        <v>10</v>
      </c>
      <c r="B29" s="79"/>
      <c r="C29" s="80"/>
      <c r="D29" s="81"/>
      <c r="E29" s="80"/>
      <c r="F29" s="74"/>
      <c r="G29" s="33" t="s">
        <v>22</v>
      </c>
      <c r="H29" s="76"/>
      <c r="I29" s="47"/>
      <c r="J29" s="47"/>
      <c r="K29" s="59"/>
      <c r="L29" s="60"/>
      <c r="M29" s="61"/>
    </row>
    <row r="30" spans="1:13" ht="75.099999999999994" customHeight="1" thickTop="1" thickBot="1">
      <c r="A30" s="69"/>
      <c r="B30" s="79"/>
      <c r="C30" s="80"/>
      <c r="D30" s="81"/>
      <c r="E30" s="81"/>
      <c r="F30" s="75"/>
      <c r="G30" s="34"/>
      <c r="H30" s="77"/>
      <c r="I30" s="47"/>
      <c r="J30" s="47"/>
      <c r="K30" s="62"/>
      <c r="L30" s="63"/>
      <c r="M30" s="64"/>
    </row>
    <row r="31" spans="1:13" ht="13.6" thickTop="1">
      <c r="H31" s="20"/>
    </row>
    <row r="33" spans="18:18" ht="17">
      <c r="R33" s="21"/>
    </row>
  </sheetData>
  <mergeCells count="111">
    <mergeCell ref="K25:M26"/>
    <mergeCell ref="K27:M28"/>
    <mergeCell ref="F27:F28"/>
    <mergeCell ref="H27:H28"/>
    <mergeCell ref="I27:I28"/>
    <mergeCell ref="J27:J28"/>
    <mergeCell ref="D28:E28"/>
    <mergeCell ref="A25:A26"/>
    <mergeCell ref="B25:C26"/>
    <mergeCell ref="D25:E25"/>
    <mergeCell ref="F25:F26"/>
    <mergeCell ref="H25:H26"/>
    <mergeCell ref="G27:G28"/>
    <mergeCell ref="K29:M30"/>
    <mergeCell ref="I29:I30"/>
    <mergeCell ref="J29:J30"/>
    <mergeCell ref="D30:E30"/>
    <mergeCell ref="A23:A24"/>
    <mergeCell ref="B23:C24"/>
    <mergeCell ref="D23:E23"/>
    <mergeCell ref="F23:F24"/>
    <mergeCell ref="H23:H24"/>
    <mergeCell ref="K23:M24"/>
    <mergeCell ref="I23:I24"/>
    <mergeCell ref="J23:J24"/>
    <mergeCell ref="D24:E24"/>
    <mergeCell ref="A29:A30"/>
    <mergeCell ref="B29:C30"/>
    <mergeCell ref="D29:E29"/>
    <mergeCell ref="F29:F30"/>
    <mergeCell ref="H29:H30"/>
    <mergeCell ref="I25:I26"/>
    <mergeCell ref="J25:J26"/>
    <mergeCell ref="D26:E26"/>
    <mergeCell ref="A27:A28"/>
    <mergeCell ref="B27:C28"/>
    <mergeCell ref="D27:E27"/>
    <mergeCell ref="A21:A22"/>
    <mergeCell ref="B21:C22"/>
    <mergeCell ref="D21:E21"/>
    <mergeCell ref="F21:F22"/>
    <mergeCell ref="H21:H22"/>
    <mergeCell ref="K21:M22"/>
    <mergeCell ref="I21:I22"/>
    <mergeCell ref="J21:J22"/>
    <mergeCell ref="D22:E22"/>
    <mergeCell ref="A19:A20"/>
    <mergeCell ref="B19:C20"/>
    <mergeCell ref="D19:E19"/>
    <mergeCell ref="F19:F20"/>
    <mergeCell ref="H19:H20"/>
    <mergeCell ref="K19:M20"/>
    <mergeCell ref="I19:I20"/>
    <mergeCell ref="J19:J20"/>
    <mergeCell ref="D20:E20"/>
    <mergeCell ref="A17:A18"/>
    <mergeCell ref="B17:C18"/>
    <mergeCell ref="D17:E17"/>
    <mergeCell ref="F17:F18"/>
    <mergeCell ref="H17:H18"/>
    <mergeCell ref="K17:M18"/>
    <mergeCell ref="I17:I18"/>
    <mergeCell ref="J17:J18"/>
    <mergeCell ref="D18:E18"/>
    <mergeCell ref="I13:I14"/>
    <mergeCell ref="J13:J14"/>
    <mergeCell ref="D14:E14"/>
    <mergeCell ref="A15:A16"/>
    <mergeCell ref="B15:C16"/>
    <mergeCell ref="D15:E15"/>
    <mergeCell ref="F15:F16"/>
    <mergeCell ref="H15:H16"/>
    <mergeCell ref="K15:M16"/>
    <mergeCell ref="I15:I16"/>
    <mergeCell ref="J15:J16"/>
    <mergeCell ref="D16:E16"/>
    <mergeCell ref="I4:M4"/>
    <mergeCell ref="A5:B7"/>
    <mergeCell ref="I5:J5"/>
    <mergeCell ref="I6:J6"/>
    <mergeCell ref="I7:J7"/>
    <mergeCell ref="K10:M10"/>
    <mergeCell ref="K11:M12"/>
    <mergeCell ref="K13:M14"/>
    <mergeCell ref="A9:A10"/>
    <mergeCell ref="B10:C10"/>
    <mergeCell ref="D10:E10"/>
    <mergeCell ref="A11:A12"/>
    <mergeCell ref="B11:C12"/>
    <mergeCell ref="D11:E11"/>
    <mergeCell ref="F11:F12"/>
    <mergeCell ref="H11:H12"/>
    <mergeCell ref="I11:I12"/>
    <mergeCell ref="J11:J12"/>
    <mergeCell ref="D12:E12"/>
    <mergeCell ref="A13:A14"/>
    <mergeCell ref="B13:C14"/>
    <mergeCell ref="D13:E13"/>
    <mergeCell ref="F13:F14"/>
    <mergeCell ref="H13:H14"/>
    <mergeCell ref="G29:G30"/>
    <mergeCell ref="B9:G9"/>
    <mergeCell ref="G11:G12"/>
    <mergeCell ref="C5:G7"/>
    <mergeCell ref="G13:G14"/>
    <mergeCell ref="G15:G16"/>
    <mergeCell ref="G17:G18"/>
    <mergeCell ref="G19:G20"/>
    <mergeCell ref="G21:G22"/>
    <mergeCell ref="G23:G24"/>
    <mergeCell ref="G25:G26"/>
  </mergeCells>
  <phoneticPr fontId="2"/>
  <pageMargins left="0.25" right="0.25" top="0.75" bottom="0.75" header="0.3" footer="0.3"/>
  <pageSetup paperSize="9" scale="50" orientation="portrait" horizontalDpi="300" verticalDpi="300" r:id="rId1"/>
  <headerFooter>
    <oddHeader>&amp;R&amp;16　　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投票用紙等交付請求書別紙　</vt:lpstr>
      <vt:lpstr>'投票用紙等交付請求書別紙　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なおしま</dc:creator>
  <cp:lastModifiedBy>キンギン</cp:lastModifiedBy>
  <cp:lastPrinted>2025-03-10T02:38:58Z</cp:lastPrinted>
  <dcterms:created xsi:type="dcterms:W3CDTF">2025-02-13T05:31:43Z</dcterms:created>
  <dcterms:modified xsi:type="dcterms:W3CDTF">2025-06-03T08:32:59Z</dcterms:modified>
</cp:coreProperties>
</file>